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>
        <p:scale>
          <a:sx n="150" d="100"/>
          <a:sy n="150" d="100"/>
        </p:scale>
        <p:origin x="-660" y="-1506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Book1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doughnutChart>
        <c:varyColors val="1"/>
        <c:ser>
          <c:idx val="0"/>
          <c:order val="0"/>
          <c:dPt>
            <c:idx val="0"/>
            <c:bubble3D val="0"/>
            <c:spPr>
              <a:solidFill>
                <a:schemeClr val="accent1"/>
              </a:solidFill>
              <a:ln>
                <a:noFill/>
              </a:ln>
              <a:effectLst/>
              <a:scene3d>
                <a:camera prst="orthographicFront"/>
                <a:lightRig rig="brightRoom" dir="t"/>
              </a:scene3d>
              <a:sp3d prstMaterial="flat">
                <a:bevelT w="50800" h="101600" prst="angle"/>
                <a:contourClr>
                  <a:srgbClr val="000000"/>
                </a:contourClr>
              </a:sp3d>
            </c:spPr>
            <c:extLst>
              <c:ext xmlns:c16="http://schemas.microsoft.com/office/drawing/2014/chart" uri="{C3380CC4-5D6E-409C-BE32-E72D297353CC}">
                <c16:uniqueId val="{00000001-A91A-4E69-8F65-ED583677F64F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>
                <a:noFill/>
              </a:ln>
              <a:effectLst/>
              <a:scene3d>
                <a:camera prst="orthographicFront"/>
                <a:lightRig rig="brightRoom" dir="t"/>
              </a:scene3d>
              <a:sp3d prstMaterial="flat">
                <a:bevelT w="50800" h="101600" prst="angle"/>
                <a:contourClr>
                  <a:srgbClr val="000000"/>
                </a:contourClr>
              </a:sp3d>
            </c:spPr>
            <c:extLst>
              <c:ext xmlns:c16="http://schemas.microsoft.com/office/drawing/2014/chart" uri="{C3380CC4-5D6E-409C-BE32-E72D297353CC}">
                <c16:uniqueId val="{00000003-A91A-4E69-8F65-ED583677F64F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>
                <a:noFill/>
              </a:ln>
              <a:effectLst/>
              <a:scene3d>
                <a:camera prst="orthographicFront"/>
                <a:lightRig rig="brightRoom" dir="t"/>
              </a:scene3d>
              <a:sp3d prstMaterial="flat">
                <a:bevelT w="50800" h="101600" prst="angle"/>
                <a:contourClr>
                  <a:srgbClr val="000000"/>
                </a:contourClr>
              </a:sp3d>
            </c:spPr>
            <c:extLst>
              <c:ext xmlns:c16="http://schemas.microsoft.com/office/drawing/2014/chart" uri="{C3380CC4-5D6E-409C-BE32-E72D297353CC}">
                <c16:uniqueId val="{00000005-A91A-4E69-8F65-ED583677F64F}"/>
              </c:ext>
            </c:extLst>
          </c:dPt>
          <c:dLbls>
            <c:dLbl>
              <c:idx val="0"/>
              <c:layout>
                <c:manualLayout>
                  <c:x val="1.6569478628960525E-2"/>
                  <c:y val="-2.9592127282496807E-2"/>
                </c:manualLayout>
              </c:layout>
              <c:showLegendKey val="0"/>
              <c:showVal val="0"/>
              <c:showCatName val="1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A91A-4E69-8F65-ED583677F64F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lt1"/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0"/>
            <c:showCatName val="1"/>
            <c:showSerName val="0"/>
            <c:showPercent val="1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A$1:$A$3</c:f>
              <c:strCache>
                <c:ptCount val="3"/>
                <c:pt idx="0">
                  <c:v>Happy Family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B$1:$B$3</c:f>
              <c:numCache>
                <c:formatCode>0%</c:formatCode>
                <c:ptCount val="3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A91A-4E69-8F65-ED583677F64F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  <c:holeSize val="50"/>
      </c:doughnutChart>
      <c:spPr>
        <a:noFill/>
        <a:ln>
          <a:noFill/>
        </a:ln>
        <a:effectLst/>
      </c:spPr>
    </c:plotArea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8">
  <cs:axisTitle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hartArea>
  <cs:dataLabel>
    <cs:lnRef idx="0"/>
    <cs:fillRef idx="0"/>
    <cs:effectRef idx="0"/>
    <cs:fontRef idx="minor">
      <a:schemeClr val="lt1"/>
    </cs:fontRef>
    <cs:defRPr sz="900" b="1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0">
      <cs:styleClr val="auto"/>
    </cs:fillRef>
    <cs:effectRef idx="0"/>
    <cs:fontRef idx="minor">
      <a:schemeClr val="tx1"/>
    </cs:fontRef>
    <cs:spPr>
      <a:solidFill>
        <a:schemeClr val="phClr"/>
      </a:solidFill>
      <a:scene3d>
        <a:camera prst="orthographicFront"/>
        <a:lightRig rig="brightRoom" dir="t"/>
      </a:scene3d>
      <a:sp3d prstMaterial="flat">
        <a:bevelT w="50800" h="101600" prst="angle"/>
        <a:contourClr>
          <a:srgbClr val="000000"/>
        </a:contourClr>
      </a:sp3d>
    </cs:spPr>
  </cs:dataPoint>
  <cs:dataPoint3D>
    <cs:lnRef idx="0"/>
    <cs:fillRef idx="0">
      <cs:styleClr val="auto"/>
    </cs:fillRef>
    <cs:effectRef idx="0"/>
    <cs:fontRef idx="minor">
      <a:schemeClr val="tx1"/>
    </cs:fontRef>
    <cs:spPr>
      <a:solidFill>
        <a:schemeClr val="phClr"/>
      </a:solidFill>
      <a:ln w="1905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/>
    <cs:fillRef idx="0">
      <cs:styleClr val="auto"/>
    </cs:fillRef>
    <cs:effectRef idx="0"/>
    <cs:fontRef idx="minor">
      <a:schemeClr val="tx1"/>
    </cs:fontRef>
    <cs:spPr>
      <a:solidFill>
        <a:schemeClr val="phClr"/>
      </a:solidFill>
      <a:ln w="9525">
        <a:solidFill>
          <a:schemeClr val="lt1"/>
        </a:solidFill>
      </a:ln>
    </cs:spPr>
  </cs:dataPointMarker>
  <cs:dataPointMarkerLayout symbol="circle" size="6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1" i="0" kern="1200" cap="all" spc="5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ash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US" sz="1600" dirty="0"/>
              <a:t>Asia based producer and marketer of beer, spirits and non-alcoholic beverages.</a:t>
            </a:r>
            <a:endParaRPr lang="en-AU" sz="1400" dirty="0"/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7" y="1892808"/>
            <a:ext cx="4828033" cy="2567894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dirty="0"/>
              <a:t>Producer and marketer of beer, spirits and non-alcoholic beverages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dirty="0"/>
              <a:t> Operations include manufacturing, distribution and direct sales in the region of Singapore(HQ), Malaysia (manufacturing is outsourced in Malaysia to Brew Co) and Chin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dirty="0"/>
              <a:t>Growth strategy: recently expanded operations to China and has new facilities planned for Cambodi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dirty="0"/>
              <a:t>Key Strengths 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dirty="0"/>
              <a:t>#1 player in beer and spirits in Singapore &amp; Malaysia 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dirty="0"/>
              <a:t>#1 player in non-alcoholic beverages in Malaysia 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dirty="0"/>
              <a:t>Creating new bottling facilities in Cambodia and has a strong supply chain as well as good relationships with distributor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AU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506012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2" name="Chart 1">
            <a:extLst>
              <a:ext uri="{FF2B5EF4-FFF2-40B4-BE49-F238E27FC236}">
                <a16:creationId xmlns:a16="http://schemas.microsoft.com/office/drawing/2014/main" id="{4F9DEC4A-F054-CA79-5839-314BCD9C8EA4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802038816"/>
              </p:ext>
            </p:extLst>
          </p:nvPr>
        </p:nvGraphicFramePr>
        <p:xfrm>
          <a:off x="1402285" y="4679745"/>
          <a:ext cx="3065878" cy="214584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C65B9B57-A77B-4248-9B04-EC19BE40548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504818950"/>
              </p:ext>
            </p:extLst>
          </p:nvPr>
        </p:nvGraphicFramePr>
        <p:xfrm>
          <a:off x="5801662" y="1967344"/>
          <a:ext cx="3871805" cy="2415228"/>
        </p:xfrm>
        <a:graphic>
          <a:graphicData uri="http://schemas.openxmlformats.org/drawingml/2006/table">
            <a:tbl>
              <a:tblPr/>
              <a:tblGrid>
                <a:gridCol w="774361">
                  <a:extLst>
                    <a:ext uri="{9D8B030D-6E8A-4147-A177-3AD203B41FA5}">
                      <a16:colId xmlns:a16="http://schemas.microsoft.com/office/drawing/2014/main" val="2275901461"/>
                    </a:ext>
                  </a:extLst>
                </a:gridCol>
                <a:gridCol w="774361">
                  <a:extLst>
                    <a:ext uri="{9D8B030D-6E8A-4147-A177-3AD203B41FA5}">
                      <a16:colId xmlns:a16="http://schemas.microsoft.com/office/drawing/2014/main" val="2257961006"/>
                    </a:ext>
                  </a:extLst>
                </a:gridCol>
                <a:gridCol w="774361">
                  <a:extLst>
                    <a:ext uri="{9D8B030D-6E8A-4147-A177-3AD203B41FA5}">
                      <a16:colId xmlns:a16="http://schemas.microsoft.com/office/drawing/2014/main" val="981765896"/>
                    </a:ext>
                  </a:extLst>
                </a:gridCol>
                <a:gridCol w="774361">
                  <a:extLst>
                    <a:ext uri="{9D8B030D-6E8A-4147-A177-3AD203B41FA5}">
                      <a16:colId xmlns:a16="http://schemas.microsoft.com/office/drawing/2014/main" val="1440657920"/>
                    </a:ext>
                  </a:extLst>
                </a:gridCol>
                <a:gridCol w="774361">
                  <a:extLst>
                    <a:ext uri="{9D8B030D-6E8A-4147-A177-3AD203B41FA5}">
                      <a16:colId xmlns:a16="http://schemas.microsoft.com/office/drawing/2014/main" val="1656121828"/>
                    </a:ext>
                  </a:extLst>
                </a:gridCol>
              </a:tblGrid>
              <a:tr h="201269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US$mm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Y18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Y19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Y20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89366865"/>
                  </a:ext>
                </a:extLst>
              </a:tr>
              <a:tr h="201269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Revenu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9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961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,071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63927593"/>
                  </a:ext>
                </a:extLst>
              </a:tr>
              <a:tr h="201269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rowth (%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7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1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77685681"/>
                  </a:ext>
                </a:extLst>
              </a:tr>
              <a:tr h="201269"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5495363"/>
                  </a:ext>
                </a:extLst>
              </a:tr>
              <a:tr h="201269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Beer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1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3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23575302"/>
                  </a:ext>
                </a:extLst>
              </a:tr>
              <a:tr h="201269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Spirits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7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8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096164"/>
                  </a:ext>
                </a:extLst>
              </a:tr>
              <a:tr h="201269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Non-alocholic beverages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013979756"/>
                  </a:ext>
                </a:extLst>
              </a:tr>
              <a:tr h="201269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BITD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2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5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70226426"/>
                  </a:ext>
                </a:extLst>
              </a:tr>
              <a:tr h="201269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argin (%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5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6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8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96927082"/>
                  </a:ext>
                </a:extLst>
              </a:tr>
              <a:tr h="201269"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64362975"/>
                  </a:ext>
                </a:extLst>
              </a:tr>
              <a:tr h="201269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NPAT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3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53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93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227447436"/>
                  </a:ext>
                </a:extLst>
              </a:tr>
              <a:tr h="201269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Margin (%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5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6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8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55773809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27680FDE-BAE4-8FF4-1C31-DC64DD34675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38351912"/>
              </p:ext>
            </p:extLst>
          </p:nvPr>
        </p:nvGraphicFramePr>
        <p:xfrm>
          <a:off x="5875554" y="4976923"/>
          <a:ext cx="4127428" cy="1551486"/>
        </p:xfrm>
        <a:graphic>
          <a:graphicData uri="http://schemas.openxmlformats.org/drawingml/2006/table">
            <a:tbl>
              <a:tblPr/>
              <a:tblGrid>
                <a:gridCol w="1031857">
                  <a:extLst>
                    <a:ext uri="{9D8B030D-6E8A-4147-A177-3AD203B41FA5}">
                      <a16:colId xmlns:a16="http://schemas.microsoft.com/office/drawing/2014/main" val="227987569"/>
                    </a:ext>
                  </a:extLst>
                </a:gridCol>
                <a:gridCol w="1031857">
                  <a:extLst>
                    <a:ext uri="{9D8B030D-6E8A-4147-A177-3AD203B41FA5}">
                      <a16:colId xmlns:a16="http://schemas.microsoft.com/office/drawing/2014/main" val="4129853059"/>
                    </a:ext>
                  </a:extLst>
                </a:gridCol>
                <a:gridCol w="1031857">
                  <a:extLst>
                    <a:ext uri="{9D8B030D-6E8A-4147-A177-3AD203B41FA5}">
                      <a16:colId xmlns:a16="http://schemas.microsoft.com/office/drawing/2014/main" val="3530288005"/>
                    </a:ext>
                  </a:extLst>
                </a:gridCol>
                <a:gridCol w="1031857">
                  <a:extLst>
                    <a:ext uri="{9D8B030D-6E8A-4147-A177-3AD203B41FA5}">
                      <a16:colId xmlns:a16="http://schemas.microsoft.com/office/drawing/2014/main" val="4139470896"/>
                    </a:ext>
                  </a:extLst>
                </a:gridCol>
              </a:tblGrid>
              <a:tr h="258581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US$mm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87991062"/>
                  </a:ext>
                </a:extLst>
              </a:tr>
              <a:tr h="25858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FY20E EBITDA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90991456"/>
                  </a:ext>
                </a:extLst>
              </a:tr>
              <a:tr h="25858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rowth (%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18833603"/>
                  </a:ext>
                </a:extLst>
              </a:tr>
              <a:tr h="258581"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00604295"/>
                  </a:ext>
                </a:extLst>
              </a:tr>
              <a:tr h="25858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EV/EBITDA rang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.0x-11.5x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98541852"/>
                  </a:ext>
                </a:extLst>
              </a:tr>
              <a:tr h="25858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Valuation Rang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,000-3,5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8497B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96229199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534909729"/>
              </p:ext>
            </p:extLst>
          </p:nvPr>
        </p:nvGraphicFramePr>
        <p:xfrm>
          <a:off x="913379" y="1745511"/>
          <a:ext cx="8861879" cy="5038892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0642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041824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Mar 19, 2020</a:t>
                      </a:r>
                      <a:endParaRPr lang="en-US" dirty="0"/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b="1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Indicative Bid Document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aluation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itial Valuation analysis based on Indicative Bid Documents.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Due Diligence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Sources of Funds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Structure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b="1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Q</a:t>
                      </a:r>
                      <a:r>
                        <a:rPr lang="en-US" b="1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&amp;A Process</a:t>
                      </a:r>
                      <a:endParaRPr lang="en-US" dirty="0"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Bidders will have the opportunity to submit a limited number of questions</a:t>
                      </a: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. (Max. 20)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Responses to the questions submitted by the Bidders will be provided to all Bidders via the online data room..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BID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Enable Bidders to submit an indicative bid in respect of this Transaction.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828136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Apr 9, 2020- April 13,2020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After 9am (Hong Kong Time) 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b="1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Indicative Bid Q&amp;A Proces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24264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Apr 13, 2020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efore 5pm (HK Time)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b="1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Indicative Bid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46145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b="0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Late May 2020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b="1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Indicative Bid Phase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b="1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Release of Process Letter Two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b="1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Shortlisted Bidders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A short list of Bidders will be chosen to progress to the Final Bid Phase.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r>
                        <a:rPr lang="en-US" b="1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Final Bid Phase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Further access to the electronic data room populated with due diligence materials;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Guided site visits; 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Presentations from </a:t>
                      </a:r>
                      <a:r>
                        <a:rPr lang="en-US" dirty="0" err="1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HappyHour’s</a:t>
                      </a: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 management team; 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 An additional question and answer process; and 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 Transaction implementation documentation. </a:t>
                      </a:r>
                      <a:endParaRPr lang="en-US" b="1" dirty="0"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3529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Late July 2020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b="1" dirty="0"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Final Bid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2207188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4437690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53</TotalTime>
  <Words>415</Words>
  <Application>Microsoft Office PowerPoint</Application>
  <PresentationFormat>Custom</PresentationFormat>
  <Paragraphs>113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8" baseType="lpstr">
      <vt:lpstr>Arial</vt:lpstr>
      <vt:lpstr>Arial Narrow</vt:lpstr>
      <vt:lpstr>Calibri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kuckoo</cp:lastModifiedBy>
  <cp:revision>32</cp:revision>
  <dcterms:created xsi:type="dcterms:W3CDTF">2020-04-17T12:29:06Z</dcterms:created>
  <dcterms:modified xsi:type="dcterms:W3CDTF">2023-08-10T05:28:11Z</dcterms:modified>
</cp:coreProperties>
</file>